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E4035D0B-6C73-471A-828B-E29AFDE915A0}" xr6:coauthVersionLast="45" xr6:coauthVersionMax="45" xr10:uidLastSave="{00000000-0000-0000-0000-000000000000}"/>
  <bookViews>
    <workbookView xWindow="1710" yWindow="310" windowWidth="1717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9" uniqueCount="24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นราธิวาส</t>
  </si>
  <si>
    <t>ร้านค้า</t>
  </si>
  <si>
    <t xml:space="preserve">ชุมชนดีมีรอยยิ้มยี่งอ </t>
  </si>
  <si>
    <t>นางสาววาฟา  มะซอ</t>
  </si>
  <si>
    <t xml:space="preserve">6/2 หมู่ 3 ตำบลลุโบะบือซา อำเภอยี่งอ  จังหวัดนราธิวาส </t>
  </si>
  <si>
    <t>ปัตตานี</t>
  </si>
  <si>
    <t xml:space="preserve">ชุมชนดีมีรอยยิ้มเมืองปัตตานี  </t>
  </si>
  <si>
    <t>คุณสุริณา  เจาะสะเมาแอ</t>
  </si>
  <si>
    <t xml:space="preserve">18/10 หมู่ 2 ตำบลบาราโหม  อำเภอเมือง  จังหวัดปัตตานี </t>
  </si>
  <si>
    <t>087-633-3353</t>
  </si>
  <si>
    <t>082-827-126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2" fillId="0" borderId="5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5"/>
  <sheetViews>
    <sheetView showGridLines="0" tabSelected="1" topLeftCell="E1" workbookViewId="0">
      <selection activeCell="I10" sqref="I10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8" width="16.36328125" style="4" customWidth="1"/>
    <col min="9" max="9" width="85.81640625" style="4" bestFit="1" customWidth="1"/>
    <col min="10" max="10" width="34.54296875" style="4" bestFit="1" customWidth="1"/>
    <col min="11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5</v>
      </c>
      <c r="B4" s="4" t="s">
        <v>14</v>
      </c>
      <c r="C4" s="9" t="s">
        <v>16</v>
      </c>
      <c r="D4" s="10" t="s">
        <v>17</v>
      </c>
      <c r="E4" s="9">
        <v>96110</v>
      </c>
      <c r="F4" s="4" t="s">
        <v>13</v>
      </c>
      <c r="G4" s="9" t="s">
        <v>22</v>
      </c>
      <c r="H4" s="9" t="s">
        <v>22</v>
      </c>
      <c r="I4" s="9" t="s">
        <v>15</v>
      </c>
    </row>
    <row r="5" spans="1:11" ht="19.899999999999999" customHeight="1">
      <c r="A5" s="11" t="s">
        <v>19</v>
      </c>
      <c r="B5" s="4" t="s">
        <v>14</v>
      </c>
      <c r="C5" s="11" t="s">
        <v>20</v>
      </c>
      <c r="D5" s="12" t="s">
        <v>21</v>
      </c>
      <c r="E5" s="11">
        <v>94000</v>
      </c>
      <c r="F5" s="4" t="s">
        <v>18</v>
      </c>
      <c r="G5" s="11" t="s">
        <v>23</v>
      </c>
      <c r="H5" s="11" t="s">
        <v>23</v>
      </c>
      <c r="I5" s="11" t="s">
        <v>19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9:43:41Z</dcterms:modified>
</cp:coreProperties>
</file>